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mc:Ignorable="x15">
  <fileVersion appName="xl" lastEdited="6" lowestEdited="7" rupBuild="14420"/>
  <workbookPr/>
  <mc:AlternateContent xmlns:mc="http://schemas.openxmlformats.org/markup-compatibility/2006">
    <mc:Choice Requires="x15">
      <x15ac:absPath xmlns:x15ac="http://schemas.microsoft.com/office/spreadsheetml/2010/11/ac" url="C:\Users\chobbes.RCPA-CHOBBES\Desktop\"/>
    </mc:Choice>
  </mc:AlternateContent>
  <bookViews>
    <workbookView xWindow="0" yWindow="0" windowWidth="19200" windowHeight="6470"/>
  </bookViews>
  <sheets>
    <sheet name="Sheet1" sheetId="1" r:id="rId1"/>
  </sheets>
  <calcPr calcId="162913"/>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196" uniqueCount="101">
  <si>
    <t>Healthcare Organization</t>
  </si>
  <si>
    <t>Discipline</t>
  </si>
  <si>
    <t>Using episodic (or burst) model of care?</t>
  </si>
  <si>
    <t>Average # of kids managed by a 1.0 FTE therapist</t>
  </si>
  <si>
    <t>Average # of patients seen per day per clinician (based on 8 hours unless otherwise specified)</t>
  </si>
  <si>
    <t>Average treatment duration per episode of care (in number of visits or weeks/months)</t>
  </si>
  <si>
    <t>Average frequency of visits per episode of care</t>
  </si>
  <si>
    <t>At the end of an episode, are patients seen for developmental rehab typically discharged or scheduled in the future for a reassessment?</t>
  </si>
  <si>
    <t>ST</t>
  </si>
  <si>
    <t>Only episodes of care for certain diagnosis (aud processing, late talkers with normal receptive lang and play skills, and picky eaters)</t>
  </si>
  <si>
    <t>16 patients in a 10 hour day</t>
  </si>
  <si>
    <t>12 weeks</t>
  </si>
  <si>
    <t>Other Info</t>
  </si>
  <si>
    <t>Sessions are 30 minutes</t>
  </si>
  <si>
    <t>discharged and then they have to work on their home program for at least 12 months before they can come back for another episode</t>
  </si>
  <si>
    <t>OT</t>
  </si>
  <si>
    <t>PT</t>
  </si>
  <si>
    <t>yes</t>
  </si>
  <si>
    <t>1 time weekly</t>
  </si>
  <si>
    <t>Therapeutic break and follow up scheduled if further therapy indicated</t>
  </si>
  <si>
    <t>Y</t>
  </si>
  <si>
    <t>5-7 Due to cancellations</t>
  </si>
  <si>
    <t>12 visits</t>
  </si>
  <si>
    <t>weekly</t>
  </si>
  <si>
    <t>Discharged – sometimes with continued care by community provider. Future reassessment recommended if change in status, hospitalization, new dx etc…</t>
  </si>
  <si>
    <t>5-7  Due to cancellations</t>
  </si>
  <si>
    <t>y</t>
  </si>
  <si>
    <t>40 per week; up to 80 unique pts</t>
  </si>
  <si>
    <t>EOW</t>
  </si>
  <si>
    <t>Updated plan of care which may result in another episode, decreased frequency , or discharge. Advised to return in 3-6 months if new concerns or concerns persist</t>
  </si>
  <si>
    <t>7-9</t>
  </si>
  <si>
    <t>1x/wk</t>
  </si>
  <si>
    <t>Either discharged or may continue at reduced frequency</t>
  </si>
  <si>
    <t>9-10</t>
  </si>
  <si>
    <t>40-45</t>
  </si>
  <si>
    <t>1x/week</t>
  </si>
  <si>
    <t>Discharged, reduced frequency, return for another episode at a later date.</t>
  </si>
  <si>
    <t>8-10</t>
  </si>
  <si>
    <t>4-12 weeks</t>
  </si>
  <si>
    <t>2-3 per week</t>
  </si>
  <si>
    <t>reassessment</t>
  </si>
  <si>
    <t>12 visits – 1 hour each</t>
  </si>
  <si>
    <t>Patients are put on a recall (after 8-12 weeks) if needed, and another episode is scheduled; otherwise if progress is satisfactory, patient is discharged</t>
  </si>
  <si>
    <t>6-7</t>
  </si>
  <si>
    <t>28-30</t>
  </si>
  <si>
    <t>5-10 sessions average (max total is 20 sessions)</t>
  </si>
  <si>
    <t>No; our goal is to set them up for long term placements (i.e. schools, early intervention, other therapy providers) prior to discharge. We start the conversation at evaluation day</t>
  </si>
  <si>
    <t>45-50 with varying frequency of treatment (weekly, EOW, 1 x month etc)</t>
  </si>
  <si>
    <t>9 scheduled/10 hour day</t>
  </si>
  <si>
    <t>8-12 visits</t>
  </si>
  <si>
    <t>Weekly for the majority, we do have some intensive programs</t>
  </si>
  <si>
    <t>Some have back to back episodes targeting new goals, others take a break between episodes (usually equal to the duration of the episode they just had) and have a few series of these. The minority only have 1 episode and are discharged.</t>
  </si>
  <si>
    <t>No</t>
  </si>
  <si>
    <t>Variable</t>
  </si>
  <si>
    <t>Discharged</t>
  </si>
  <si>
    <t>~10-20</t>
  </si>
  <si>
    <t>2x/week</t>
  </si>
  <si>
    <t>Yes</t>
  </si>
  <si>
    <t>6 months</t>
  </si>
  <si>
    <t>3-6 months</t>
  </si>
  <si>
    <t>6-12 months</t>
  </si>
  <si>
    <t>40-50</t>
  </si>
  <si>
    <t>We set an auto recall or schedule them for return 1-3 months.  Some are discharged</t>
  </si>
  <si>
    <t>maybe 20% of OT staff</t>
  </si>
  <si>
    <t>50-55</t>
  </si>
  <si>
    <t>7 (for outpatient)</t>
  </si>
  <si>
    <t>12-16 when using an episodic model</t>
  </si>
  <si>
    <t>usually rescheduled for another 12 visits in 3-6 months</t>
  </si>
  <si>
    <t>Yes-select patients</t>
  </si>
  <si>
    <t>25-30</t>
  </si>
  <si>
    <t>6.5 per 10 hours</t>
  </si>
  <si>
    <t>6-12 weeks</t>
  </si>
  <si>
    <t>1-2x/week</t>
  </si>
  <si>
    <t>d/c or reassess</t>
  </si>
  <si>
    <t>Yes, currently using to some degree and working to expand use where appropriate</t>
  </si>
  <si>
    <t>8-12 weeks</t>
  </si>
  <si>
    <t xml:space="preserve">80% patient care time
~6 treatments per 8 hour day; less on days with eval slots
</t>
  </si>
  <si>
    <t>varies; most common follow up plans are:
-scheduled to come back in 8-12 weeks for another episode
-parent to call back in a specified amount of time to schedule periodic check in or another burst
-call if concerns arise</t>
  </si>
  <si>
    <t>1. Intensive Therapy Frequent visits for a limited length of time (three or more sessions per week) For children who: -Are at risk for losing, or have lost function due to a current medical condition -Had recent surgery, hospitalization, or require complex therapy to improve -Are moving quickly toward their goals Children in this pathway require frequent changes to therapy programs and intense family education. 
2. Weekly Therapy Regular visits, for a limited length of time (one to two sessions per week) For children who: -Had surgery or were recently in the hospital -Have been recently diagnosed with a condition or disease -Make continuous and weekly progress toward goals Parents with children in this pathway learn to safely perform exercises and activities with their child. 
3. Periodic Therapy Regular visits with less frequency (one to two sessions per month) For children who: -Are making gradual or monthly functional changes and measurable progress -Are achieving their goals and are transitioning to less frequent ther[1]apy Parents and children in this pathway need continued instruction to update their home program. 
4. Consultative Therapy Scheduled as needed (one session every two to six months) For children who: -Need occasional help to update their home program or adaptive equipment Children in this pathway are generally able to meet the challenges of their care with the help of their caregivers. There are two ways to complete the therapy program: 1. Discharge from therapy occurs when your child reaches his or her expected goals. 2. Discontinuation of therapy may occur when a family or therapist decides to stop therapy. Reasons may include: -Changes with the child’s medical condition -Implementation of home program -Child’s limited ability to progress -Missed appointments, lack of carryover of exercises and activities at home, or lack of family participation during treatment</t>
  </si>
  <si>
    <t>Modified version.  We review status every 12 visits to consider d/c or continuation but we do not have a hard rule about only providing services for a designated period</t>
  </si>
  <si>
    <t>1 FTE without special clinic responsibilities is scheduled with 24 tx sessions and 2 evals every week.  Tx is 1 hour, evals are 90 min</t>
  </si>
  <si>
    <t>5-6 are scheduled</t>
  </si>
  <si>
    <t>Most patients are probably seen about 6 months on average, but we often see younger patients for longer</t>
  </si>
  <si>
    <t>Most patients are seen 1x/week</t>
  </si>
  <si>
    <t>This is decided by the clinician and family.  Most are discharged but we do plan to bring some back for reassessment and put that in our Epic system for future scheduling.</t>
  </si>
  <si>
    <t>We are currently in a project using GAS goals with the hopes of being able to identify factors that may impact outcomes and progress such as age of patient, diagnosis, duration of treatment, goal areas addressed etc. to inform future decisions in this area.</t>
  </si>
  <si>
    <t>Not yet, but very interested</t>
  </si>
  <si>
    <t>ORG A</t>
  </si>
  <si>
    <t>ORG B</t>
  </si>
  <si>
    <t>ORG C</t>
  </si>
  <si>
    <t>ORG D</t>
  </si>
  <si>
    <t>ORG E</t>
  </si>
  <si>
    <t>ORG F</t>
  </si>
  <si>
    <t>ORG G</t>
  </si>
  <si>
    <t>ORG H</t>
  </si>
  <si>
    <t>ORG I</t>
  </si>
  <si>
    <t>ORG J</t>
  </si>
  <si>
    <t>ORG K</t>
  </si>
  <si>
    <t>ORG L</t>
  </si>
  <si>
    <t>ORG M</t>
  </si>
  <si>
    <t>ORG N</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mc:Ignorable="x14ac x16r2">
  <fonts count="10">
    <font>
      <sz val="12"/>
      <color theme="1"/>
      <name val="Calibri"/>
      <family val="2"/>
      <scheme val="minor"/>
    </font>
    <font>
      <sz val="12"/>
      <color rgb="FF000000"/>
      <name val="Calibri"/>
      <family val="2"/>
      <scheme val="minor"/>
    </font>
    <font>
      <sz val="12"/>
      <color rgb="FF242424"/>
      <name val="Calibri"/>
      <family val="2"/>
      <scheme val="minor"/>
    </font>
    <font>
      <sz val="12"/>
      <name val="Calibri"/>
      <family val="2"/>
      <scheme val="minor"/>
    </font>
    <font>
      <sz val="12"/>
      <name val="Calibri"/>
      <family val="2"/>
    </font>
    <font>
      <sz val="12"/>
      <name val="Inherit"/>
    </font>
    <font>
      <b/>
      <sz val="12"/>
      <color theme="1"/>
      <name val="Calibri"/>
      <family val="2"/>
      <scheme val="minor"/>
    </font>
    <font>
      <b/>
      <sz val="12"/>
      <color rgb="FF000000"/>
      <name val="Calibri"/>
      <family val="2"/>
      <scheme val="minor"/>
    </font>
    <font>
      <sz val="11"/>
      <color rgb="FF242424"/>
      <name val="Calibri"/>
      <family val="2"/>
      <scheme val="minor"/>
    </font>
    <font>
      <sz val="11"/>
      <color rgb="FF000000"/>
      <name val="Calibri"/>
      <family val="2"/>
      <scheme val="minor"/>
    </font>
  </fonts>
  <fills count="9">
    <fill>
      <patternFill patternType="none"/>
    </fill>
    <fill>
      <patternFill patternType="gray125"/>
    </fill>
    <fill>
      <patternFill patternType="solid">
        <fgColor rgb="FFFFFFFF"/>
        <bgColor indexed="64"/>
      </patternFill>
    </fill>
    <fill>
      <patternFill patternType="solid">
        <fgColor theme="7" tint="0.59999389629810485"/>
        <bgColor indexed="64"/>
      </patternFill>
    </fill>
    <fill>
      <patternFill patternType="solid">
        <fgColor theme="3" tint="0.79998168889431442"/>
        <bgColor indexed="64"/>
      </patternFill>
    </fill>
    <fill>
      <patternFill patternType="solid">
        <fgColor theme="4" tint="0.79998168889431442"/>
        <bgColor indexed="64"/>
      </patternFill>
    </fill>
    <fill>
      <patternFill patternType="solid">
        <fgColor theme="7" tint="0.79998168889431442"/>
        <bgColor indexed="64"/>
      </patternFill>
    </fill>
    <fill>
      <patternFill patternType="solid">
        <fgColor theme="6" tint="0.79998168889431442"/>
        <bgColor indexed="64"/>
      </patternFill>
    </fill>
    <fill>
      <patternFill patternType="solid">
        <fgColor theme="2" tint="-9.9978637043366805E-2"/>
        <bgColor indexed="64"/>
      </patternFill>
    </fill>
  </fills>
  <borders count="10">
    <border>
      <left/>
      <right/>
      <top/>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bottom style="thin">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medium">
        <color rgb="FFABABAB"/>
      </left>
      <right style="medium">
        <color rgb="FFABABAB"/>
      </right>
      <top/>
      <bottom style="medium">
        <color rgb="FFABABAB"/>
      </bottom>
      <diagonal/>
    </border>
    <border>
      <left/>
      <right style="medium">
        <color rgb="FFABABAB"/>
      </right>
      <top/>
      <bottom style="medium">
        <color rgb="FFABABAB"/>
      </bottom>
      <diagonal/>
    </border>
    <border>
      <left style="thin">
        <color indexed="64"/>
      </left>
      <right/>
      <top style="thin">
        <color indexed="64"/>
      </top>
      <bottom/>
      <diagonal/>
    </border>
    <border>
      <left style="thin">
        <color indexed="64"/>
      </left>
      <right/>
      <top/>
      <bottom/>
      <diagonal/>
    </border>
    <border>
      <left style="thin">
        <color indexed="64"/>
      </left>
      <right/>
      <top/>
      <bottom style="thin">
        <color indexed="64"/>
      </bottom>
      <diagonal/>
    </border>
  </borders>
  <cellStyleXfs count="1">
    <xf numFmtId="0" fontId="0" fillId="0" borderId="0"/>
  </cellStyleXfs>
  <cellXfs count="52">
    <xf numFmtId="0" fontId="0" fillId="0" borderId="0" xfId="0"/>
    <xf numFmtId="0" fontId="0" fillId="0" borderId="0" xfId="0" applyAlignment="1">
      <alignment vertical="top"/>
    </xf>
    <xf numFmtId="0" fontId="0" fillId="0" borderId="0" xfId="0" applyAlignment="1">
      <alignment horizontal="left" vertical="top"/>
    </xf>
    <xf numFmtId="0" fontId="3" fillId="0" borderId="0" xfId="0" applyFont="1" applyAlignment="1">
      <alignment horizontal="left" vertical="top"/>
    </xf>
    <xf numFmtId="0" fontId="6" fillId="0" borderId="0" xfId="0" applyFont="1"/>
    <xf numFmtId="0" fontId="6" fillId="0" borderId="3" xfId="0" applyFont="1" applyBorder="1" applyAlignment="1">
      <alignment vertical="top"/>
    </xf>
    <xf numFmtId="0" fontId="7" fillId="2" borderId="3" xfId="0" applyFont="1" applyFill="1" applyBorder="1" applyAlignment="1">
      <alignment vertical="top" wrapText="1"/>
    </xf>
    <xf numFmtId="0" fontId="7" fillId="2" borderId="4" xfId="0" applyFont="1" applyFill="1" applyBorder="1" applyAlignment="1">
      <alignment vertical="top" wrapText="1"/>
    </xf>
    <xf numFmtId="0" fontId="0" fillId="3" borderId="2" xfId="0" applyFill="1" applyBorder="1" applyAlignment="1">
      <alignment vertical="top" wrapText="1"/>
    </xf>
    <xf numFmtId="0" fontId="0" fillId="3" borderId="2" xfId="0" applyFill="1" applyBorder="1" applyAlignment="1">
      <alignment vertical="top"/>
    </xf>
    <xf numFmtId="0" fontId="1" fillId="3" borderId="2" xfId="0" applyFont="1" applyFill="1" applyBorder="1" applyAlignment="1">
      <alignment wrapText="1"/>
    </xf>
    <xf numFmtId="0" fontId="0" fillId="3" borderId="2" xfId="0" applyFill="1" applyBorder="1" applyAlignment="1">
      <alignment horizontal="left" vertical="top"/>
    </xf>
    <xf numFmtId="0" fontId="2" fillId="3" borderId="2" xfId="0" applyFont="1" applyFill="1" applyBorder="1" applyAlignment="1">
      <alignment horizontal="left" vertical="top" wrapText="1"/>
    </xf>
    <xf numFmtId="0" fontId="0" fillId="4" borderId="1" xfId="0" applyFill="1" applyBorder="1" applyAlignment="1">
      <alignment horizontal="left" vertical="top" wrapText="1"/>
    </xf>
    <xf numFmtId="0" fontId="3" fillId="4" borderId="1" xfId="0" applyFont="1" applyFill="1" applyBorder="1" applyAlignment="1">
      <alignment horizontal="left" vertical="top" wrapText="1"/>
    </xf>
    <xf numFmtId="0" fontId="0" fillId="4" borderId="1" xfId="0" applyFill="1" applyBorder="1"/>
    <xf numFmtId="0" fontId="3" fillId="4" borderId="1" xfId="0" applyFont="1" applyFill="1" applyBorder="1" applyAlignment="1">
      <alignment vertical="top" wrapText="1"/>
    </xf>
    <xf numFmtId="0" fontId="0" fillId="5" borderId="1" xfId="0" applyFill="1" applyBorder="1" applyAlignment="1">
      <alignment horizontal="left" vertical="top" wrapText="1"/>
    </xf>
    <xf numFmtId="0" fontId="0" fillId="5" borderId="1" xfId="0" applyFill="1" applyBorder="1" applyAlignment="1">
      <alignment horizontal="left" vertical="top"/>
    </xf>
    <xf numFmtId="0" fontId="2" fillId="5" borderId="1" xfId="0" applyFont="1" applyFill="1" applyBorder="1" applyAlignment="1">
      <alignment horizontal="left" vertical="top" wrapText="1"/>
    </xf>
    <xf numFmtId="0" fontId="0" fillId="5" borderId="1" xfId="0" applyFill="1" applyBorder="1" applyAlignment="1">
      <alignment vertical="top" wrapText="1"/>
    </xf>
    <xf numFmtId="0" fontId="0" fillId="5" borderId="1" xfId="0" applyFill="1" applyBorder="1" applyAlignment="1">
      <alignment vertical="top"/>
    </xf>
    <xf numFmtId="0" fontId="0" fillId="6" borderId="1" xfId="0" applyFill="1" applyBorder="1" applyAlignment="1">
      <alignment horizontal="left" vertical="top" wrapText="1"/>
    </xf>
    <xf numFmtId="0" fontId="2" fillId="6" borderId="1" xfId="0" applyFont="1" applyFill="1" applyBorder="1" applyAlignment="1">
      <alignment horizontal="left" vertical="top" wrapText="1"/>
    </xf>
    <xf numFmtId="0" fontId="0" fillId="6" borderId="1" xfId="0" applyFill="1" applyBorder="1" applyAlignment="1">
      <alignment horizontal="left" vertical="top"/>
    </xf>
    <xf numFmtId="0" fontId="3" fillId="5" borderId="1" xfId="0" applyFont="1" applyFill="1" applyBorder="1" applyAlignment="1">
      <alignment horizontal="left" vertical="top" wrapText="1"/>
    </xf>
    <xf numFmtId="0" fontId="4" fillId="5" borderId="1" xfId="0" applyFont="1" applyFill="1" applyBorder="1" applyAlignment="1">
      <alignment horizontal="left" vertical="top" wrapText="1"/>
    </xf>
    <xf numFmtId="49" fontId="3" fillId="5" borderId="1" xfId="0" applyNumberFormat="1" applyFont="1" applyFill="1" applyBorder="1" applyAlignment="1">
      <alignment horizontal="left" vertical="top" wrapText="1"/>
    </xf>
    <xf numFmtId="0" fontId="3" fillId="5" borderId="1" xfId="0" applyFont="1" applyFill="1" applyBorder="1" applyAlignment="1">
      <alignment horizontal="left" vertical="top"/>
    </xf>
    <xf numFmtId="49" fontId="5" fillId="5" borderId="1" xfId="0" applyNumberFormat="1" applyFont="1" applyFill="1" applyBorder="1" applyAlignment="1">
      <alignment horizontal="left" vertical="top" wrapText="1"/>
    </xf>
    <xf numFmtId="0" fontId="5" fillId="5" borderId="1" xfId="0" applyFont="1" applyFill="1" applyBorder="1" applyAlignment="1">
      <alignment horizontal="left" vertical="top" wrapText="1"/>
    </xf>
    <xf numFmtId="0" fontId="3" fillId="7" borderId="1" xfId="0" applyFont="1" applyFill="1" applyBorder="1" applyAlignment="1">
      <alignment horizontal="left" vertical="top" wrapText="1"/>
    </xf>
    <xf numFmtId="0" fontId="2" fillId="7" borderId="1" xfId="0" applyFont="1" applyFill="1" applyBorder="1" applyAlignment="1">
      <alignment horizontal="left" vertical="top" wrapText="1"/>
    </xf>
    <xf numFmtId="0" fontId="3" fillId="7" borderId="1" xfId="0" applyFont="1" applyFill="1" applyBorder="1" applyAlignment="1">
      <alignment horizontal="left" vertical="top"/>
    </xf>
    <xf numFmtId="0" fontId="0" fillId="4" borderId="1" xfId="0" applyFill="1" applyBorder="1" applyAlignment="1">
      <alignment vertical="top" wrapText="1"/>
    </xf>
    <xf numFmtId="0" fontId="0" fillId="5" borderId="1" xfId="0" applyFill="1" applyBorder="1"/>
    <xf numFmtId="49" fontId="2" fillId="5" borderId="1" xfId="0" applyNumberFormat="1" applyFont="1" applyFill="1" applyBorder="1" applyAlignment="1">
      <alignment horizontal="left" vertical="top" wrapText="1"/>
    </xf>
    <xf numFmtId="0" fontId="0" fillId="8" borderId="1" xfId="0" applyFill="1" applyBorder="1" applyAlignment="1">
      <alignment vertical="top" wrapText="1"/>
    </xf>
    <xf numFmtId="0" fontId="3" fillId="8" borderId="1" xfId="0" applyFont="1" applyFill="1" applyBorder="1" applyAlignment="1">
      <alignment horizontal="left" vertical="top" wrapText="1"/>
    </xf>
    <xf numFmtId="0" fontId="0" fillId="8" borderId="1" xfId="0" applyFill="1" applyBorder="1"/>
    <xf numFmtId="0" fontId="2" fillId="8" borderId="1" xfId="0" applyFont="1" applyFill="1" applyBorder="1" applyAlignment="1">
      <alignment vertical="top" wrapText="1"/>
    </xf>
    <xf numFmtId="0" fontId="2" fillId="5" borderId="1" xfId="0" applyFont="1" applyFill="1" applyBorder="1" applyAlignment="1">
      <alignment vertical="top" wrapText="1"/>
    </xf>
    <xf numFmtId="0" fontId="8" fillId="5" borderId="7" xfId="0" applyFont="1" applyFill="1" applyBorder="1" applyAlignment="1">
      <alignment horizontal="left" vertical="top" wrapText="1"/>
    </xf>
    <xf numFmtId="0" fontId="8" fillId="5" borderId="8" xfId="0" applyFont="1" applyFill="1" applyBorder="1" applyAlignment="1">
      <alignment horizontal="left" vertical="top" wrapText="1"/>
    </xf>
    <xf numFmtId="0" fontId="8" fillId="5" borderId="9" xfId="0" applyFont="1" applyFill="1" applyBorder="1" applyAlignment="1">
      <alignment horizontal="left" vertical="top" wrapText="1"/>
    </xf>
    <xf numFmtId="0" fontId="0" fillId="8" borderId="1" xfId="0" applyFill="1" applyBorder="1" applyAlignment="1">
      <alignment horizontal="left" vertical="top" wrapText="1"/>
    </xf>
    <xf numFmtId="0" fontId="2" fillId="8" borderId="1" xfId="0" applyFont="1" applyFill="1" applyBorder="1" applyAlignment="1">
      <alignment horizontal="left" vertical="top" wrapText="1"/>
    </xf>
    <xf numFmtId="0" fontId="0" fillId="8" borderId="1" xfId="0" applyFill="1" applyBorder="1" applyAlignment="1">
      <alignment horizontal="left" vertical="top"/>
    </xf>
    <xf numFmtId="0" fontId="9" fillId="8" borderId="0" xfId="0" applyFont="1" applyFill="1" applyAlignment="1">
      <alignment horizontal="left" vertical="top" wrapText="1"/>
    </xf>
    <xf numFmtId="0" fontId="3" fillId="4" borderId="5" xfId="0" applyFont="1" applyFill="1" applyBorder="1" applyAlignment="1">
      <alignment vertical="top" wrapText="1"/>
    </xf>
    <xf numFmtId="0" fontId="3" fillId="4" borderId="6" xfId="0" applyFont="1" applyFill="1" applyBorder="1" applyAlignment="1">
      <alignment horizontal="left" vertical="top" wrapText="1"/>
    </xf>
    <xf numFmtId="0" fontId="0" fillId="4" borderId="1" xfId="0" applyFill="1" applyBorder="1" applyAlignment="1">
      <alignment vertical="top"/>
    </xf>
  </cellXfs>
  <cellStyles count="1">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3" Type="http://schemas.openxmlformats.org/officeDocument/2006/relationships/styles" Target="styles.xml"/><Relationship Id="rId2" Type="http://schemas.openxmlformats.org/officeDocument/2006/relationships/theme" Target="theme/theme1.xml"/><Relationship Id="rId1" Type="http://schemas.openxmlformats.org/officeDocument/2006/relationships/worksheet" Target="worksheets/sheet1.xml"/><Relationship Id="rId6" Type="http://schemas.openxmlformats.org/officeDocument/2006/relationships/customXml" Target="../customXml/item2.xml"/><Relationship Id="rId5" Type="http://schemas.openxmlformats.org/officeDocument/2006/relationships/customXml" Target="../customXml/item1.xml"/><Relationship Id="rId4" Type="http://schemas.openxmlformats.org/officeDocument/2006/relationships/sharedStrings" Target="sharedStrings.xml"/></Relationships>
</file>

<file path=xl/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dimension ref="A1:I29"/>
  <sheetViews>
    <sheetView tabSelected="1" workbookViewId="0">
      <selection activeCell="B1" sqref="B1"/>
    </sheetView>
  </sheetViews>
  <sheetFormatPr defaultColWidth="11" defaultRowHeight="15.5"/>
  <cols>
    <col min="1" max="1" width="21.4140625" customWidth="1"/>
    <col min="2" max="2" width="9.08203125" customWidth="1"/>
    <col min="3" max="3" width="21.75" customWidth="1"/>
    <col min="4" max="4" width="7.5" customWidth="1"/>
    <col min="5" max="5" width="22" customWidth="1"/>
    <col min="6" max="6" width="8.75" customWidth="1"/>
    <col min="7" max="7" width="21.83203125" customWidth="1"/>
    <col min="8" max="8" width="22" customWidth="1"/>
    <col min="9" max="9" width="31.83203125" customWidth="1"/>
  </cols>
  <sheetData>
    <row r="1" spans="1:9" s="4" customFormat="1" ht="93.5" thickBot="1">
      <c r="A1" s="5" t="s">
        <v>0</v>
      </c>
      <c r="B1" s="5" t="s">
        <v>1</v>
      </c>
      <c r="C1" s="6" t="s">
        <v>2</v>
      </c>
      <c r="D1" s="6" t="s">
        <v>3</v>
      </c>
      <c r="E1" s="6" t="s">
        <v>4</v>
      </c>
      <c r="F1" s="6" t="s">
        <v>5</v>
      </c>
      <c r="G1" s="6" t="s">
        <v>6</v>
      </c>
      <c r="H1" s="6" t="s">
        <v>7</v>
      </c>
      <c r="I1" s="7" t="s">
        <v>12</v>
      </c>
    </row>
    <row r="2" spans="1:9" s="1" customFormat="1" ht="93">
      <c r="A2" s="8" t="s">
        <v>87</v>
      </c>
      <c r="B2" s="9" t="s">
        <v>8</v>
      </c>
      <c r="C2" s="10" t="s">
        <v>9</v>
      </c>
      <c r="D2" s="11">
        <v>60</v>
      </c>
      <c r="E2" s="8" t="s">
        <v>10</v>
      </c>
      <c r="F2" s="9" t="s">
        <v>11</v>
      </c>
      <c r="G2" s="12" t="s">
        <v>18</v>
      </c>
      <c r="H2" s="8" t="s">
        <v>14</v>
      </c>
      <c r="I2" s="9" t="s">
        <v>13</v>
      </c>
    </row>
    <row r="3" spans="1:9" s="2" customFormat="1" ht="46.5">
      <c r="A3" s="17" t="s">
        <v>88</v>
      </c>
      <c r="B3" s="18" t="s">
        <v>15</v>
      </c>
      <c r="C3" s="19" t="s">
        <v>17</v>
      </c>
      <c r="D3" s="19">
        <v>30</v>
      </c>
      <c r="E3" s="19">
        <v>6</v>
      </c>
      <c r="F3" s="19">
        <v>12</v>
      </c>
      <c r="G3" s="19" t="s">
        <v>18</v>
      </c>
      <c r="H3" s="19" t="s">
        <v>19</v>
      </c>
      <c r="I3" s="18"/>
    </row>
    <row r="4" spans="1:9" s="1" customFormat="1" ht="46.5">
      <c r="A4" s="20" t="s">
        <v>88</v>
      </c>
      <c r="B4" s="19" t="s">
        <v>16</v>
      </c>
      <c r="C4" s="19" t="s">
        <v>17</v>
      </c>
      <c r="D4" s="19">
        <v>30</v>
      </c>
      <c r="E4" s="19">
        <v>6</v>
      </c>
      <c r="F4" s="19">
        <v>12</v>
      </c>
      <c r="G4" s="19" t="s">
        <v>18</v>
      </c>
      <c r="H4" s="19" t="s">
        <v>19</v>
      </c>
      <c r="I4" s="21"/>
    </row>
    <row r="5" spans="1:9" s="2" customFormat="1" ht="108.5">
      <c r="A5" s="22" t="s">
        <v>89</v>
      </c>
      <c r="B5" s="23" t="s">
        <v>15</v>
      </c>
      <c r="C5" s="23" t="s">
        <v>20</v>
      </c>
      <c r="D5" s="23">
        <v>34</v>
      </c>
      <c r="E5" s="23" t="s">
        <v>21</v>
      </c>
      <c r="F5" s="23" t="s">
        <v>22</v>
      </c>
      <c r="G5" s="23" t="s">
        <v>23</v>
      </c>
      <c r="H5" s="23" t="s">
        <v>24</v>
      </c>
      <c r="I5" s="24"/>
    </row>
    <row r="6" spans="1:9" s="2" customFormat="1" ht="108.5">
      <c r="A6" s="22" t="s">
        <v>89</v>
      </c>
      <c r="B6" s="23" t="s">
        <v>16</v>
      </c>
      <c r="C6" s="23" t="s">
        <v>20</v>
      </c>
      <c r="D6" s="23">
        <v>34</v>
      </c>
      <c r="E6" s="23" t="s">
        <v>25</v>
      </c>
      <c r="F6" s="23" t="s">
        <v>22</v>
      </c>
      <c r="G6" s="23" t="s">
        <v>23</v>
      </c>
      <c r="H6" s="23" t="s">
        <v>24</v>
      </c>
      <c r="I6" s="24"/>
    </row>
    <row r="7" spans="1:9" s="2" customFormat="1" ht="108.5">
      <c r="A7" s="22" t="s">
        <v>89</v>
      </c>
      <c r="B7" s="23" t="s">
        <v>8</v>
      </c>
      <c r="C7" s="23" t="s">
        <v>20</v>
      </c>
      <c r="D7" s="23">
        <v>34</v>
      </c>
      <c r="E7" s="23" t="s">
        <v>25</v>
      </c>
      <c r="F7" s="23" t="s">
        <v>22</v>
      </c>
      <c r="G7" s="23" t="s">
        <v>23</v>
      </c>
      <c r="H7" s="23" t="s">
        <v>24</v>
      </c>
      <c r="I7" s="24"/>
    </row>
    <row r="8" spans="1:9" s="3" customFormat="1" ht="124">
      <c r="A8" s="25" t="s">
        <v>90</v>
      </c>
      <c r="B8" s="26" t="s">
        <v>8</v>
      </c>
      <c r="C8" s="25" t="s">
        <v>26</v>
      </c>
      <c r="D8" s="25" t="s">
        <v>27</v>
      </c>
      <c r="E8" s="27" t="s">
        <v>30</v>
      </c>
      <c r="F8" s="25" t="s">
        <v>22</v>
      </c>
      <c r="G8" s="25" t="s">
        <v>28</v>
      </c>
      <c r="H8" s="25" t="s">
        <v>29</v>
      </c>
      <c r="I8" s="28"/>
    </row>
    <row r="9" spans="1:9" s="3" customFormat="1" ht="46.5">
      <c r="A9" s="25" t="s">
        <v>90</v>
      </c>
      <c r="B9" s="25" t="s">
        <v>16</v>
      </c>
      <c r="C9" s="25" t="s">
        <v>20</v>
      </c>
      <c r="D9" s="25">
        <v>45</v>
      </c>
      <c r="E9" s="27" t="s">
        <v>33</v>
      </c>
      <c r="F9" s="25" t="s">
        <v>22</v>
      </c>
      <c r="G9" s="25" t="s">
        <v>31</v>
      </c>
      <c r="H9" s="25" t="s">
        <v>32</v>
      </c>
      <c r="I9" s="28"/>
    </row>
    <row r="10" spans="1:9" s="3" customFormat="1" ht="62">
      <c r="A10" s="25" t="s">
        <v>90</v>
      </c>
      <c r="B10" s="26" t="s">
        <v>15</v>
      </c>
      <c r="C10" s="26" t="s">
        <v>20</v>
      </c>
      <c r="D10" s="26" t="s">
        <v>34</v>
      </c>
      <c r="E10" s="29" t="s">
        <v>37</v>
      </c>
      <c r="F10" s="30" t="s">
        <v>22</v>
      </c>
      <c r="G10" s="30" t="s">
        <v>35</v>
      </c>
      <c r="H10" s="30" t="s">
        <v>36</v>
      </c>
      <c r="I10" s="28"/>
    </row>
    <row r="11" spans="1:9" s="3" customFormat="1" ht="31">
      <c r="A11" s="31" t="s">
        <v>91</v>
      </c>
      <c r="B11" s="32" t="s">
        <v>15</v>
      </c>
      <c r="C11" s="32" t="s">
        <v>17</v>
      </c>
      <c r="D11" s="32">
        <v>60</v>
      </c>
      <c r="E11" s="32">
        <v>7</v>
      </c>
      <c r="F11" s="32" t="s">
        <v>38</v>
      </c>
      <c r="G11" s="32" t="s">
        <v>39</v>
      </c>
      <c r="H11" s="32" t="s">
        <v>40</v>
      </c>
      <c r="I11" s="33"/>
    </row>
    <row r="12" spans="1:9" s="3" customFormat="1" ht="31">
      <c r="A12" s="31" t="s">
        <v>91</v>
      </c>
      <c r="B12" s="32" t="s">
        <v>16</v>
      </c>
      <c r="C12" s="32" t="s">
        <v>17</v>
      </c>
      <c r="D12" s="32">
        <v>60</v>
      </c>
      <c r="E12" s="32">
        <v>7</v>
      </c>
      <c r="F12" s="32" t="s">
        <v>38</v>
      </c>
      <c r="G12" s="32" t="s">
        <v>39</v>
      </c>
      <c r="H12" s="32" t="s">
        <v>40</v>
      </c>
      <c r="I12" s="33"/>
    </row>
    <row r="13" spans="1:9" s="3" customFormat="1" ht="31">
      <c r="A13" s="31" t="s">
        <v>91</v>
      </c>
      <c r="B13" s="32" t="s">
        <v>8</v>
      </c>
      <c r="C13" s="32" t="s">
        <v>17</v>
      </c>
      <c r="D13" s="32">
        <v>60</v>
      </c>
      <c r="E13" s="32">
        <v>7</v>
      </c>
      <c r="F13" s="32" t="s">
        <v>38</v>
      </c>
      <c r="G13" s="32" t="s">
        <v>39</v>
      </c>
      <c r="H13" s="32" t="s">
        <v>40</v>
      </c>
      <c r="I13" s="33"/>
    </row>
    <row r="14" spans="1:9" ht="108.5">
      <c r="A14" s="20" t="s">
        <v>92</v>
      </c>
      <c r="B14" s="25" t="s">
        <v>8</v>
      </c>
      <c r="C14" s="25" t="s">
        <v>17</v>
      </c>
      <c r="D14" s="25">
        <v>24</v>
      </c>
      <c r="E14" s="27" t="s">
        <v>43</v>
      </c>
      <c r="F14" s="25" t="s">
        <v>41</v>
      </c>
      <c r="G14" s="25" t="s">
        <v>23</v>
      </c>
      <c r="H14" s="25" t="s">
        <v>42</v>
      </c>
      <c r="I14" s="35"/>
    </row>
    <row r="15" spans="1:9" ht="62">
      <c r="A15" s="20" t="s">
        <v>92</v>
      </c>
      <c r="B15" s="19" t="s">
        <v>15</v>
      </c>
      <c r="C15" s="19" t="s">
        <v>57</v>
      </c>
      <c r="D15" s="19" t="s">
        <v>61</v>
      </c>
      <c r="E15" s="36" t="s">
        <v>43</v>
      </c>
      <c r="F15" s="19" t="s">
        <v>11</v>
      </c>
      <c r="G15" s="19" t="s">
        <v>23</v>
      </c>
      <c r="H15" s="19" t="s">
        <v>62</v>
      </c>
      <c r="I15" s="35"/>
    </row>
    <row r="16" spans="1:9" ht="62">
      <c r="A16" s="20" t="s">
        <v>92</v>
      </c>
      <c r="B16" s="19" t="s">
        <v>16</v>
      </c>
      <c r="C16" s="19" t="s">
        <v>57</v>
      </c>
      <c r="D16" s="19" t="s">
        <v>61</v>
      </c>
      <c r="E16" s="36" t="s">
        <v>43</v>
      </c>
      <c r="F16" s="19" t="s">
        <v>11</v>
      </c>
      <c r="G16" s="19" t="s">
        <v>23</v>
      </c>
      <c r="H16" s="19" t="s">
        <v>62</v>
      </c>
      <c r="I16" s="35"/>
    </row>
    <row r="17" spans="1:9" ht="124">
      <c r="A17" s="37" t="s">
        <v>93</v>
      </c>
      <c r="B17" s="38" t="s">
        <v>8</v>
      </c>
      <c r="C17" s="38" t="s">
        <v>17</v>
      </c>
      <c r="D17" s="38" t="s">
        <v>44</v>
      </c>
      <c r="E17" s="38">
        <v>7</v>
      </c>
      <c r="F17" s="38" t="s">
        <v>45</v>
      </c>
      <c r="G17" s="38" t="s">
        <v>35</v>
      </c>
      <c r="H17" s="38" t="s">
        <v>46</v>
      </c>
      <c r="I17" s="39"/>
    </row>
    <row r="18" spans="1:9" ht="186">
      <c r="A18" s="20" t="s">
        <v>94</v>
      </c>
      <c r="B18" s="25" t="s">
        <v>16</v>
      </c>
      <c r="C18" s="25" t="s">
        <v>17</v>
      </c>
      <c r="D18" s="25" t="s">
        <v>47</v>
      </c>
      <c r="E18" s="25" t="s">
        <v>48</v>
      </c>
      <c r="F18" s="25" t="s">
        <v>49</v>
      </c>
      <c r="G18" s="25" t="s">
        <v>50</v>
      </c>
      <c r="H18" s="25" t="s">
        <v>51</v>
      </c>
      <c r="I18" s="35"/>
    </row>
    <row r="19" spans="1:9" s="1" customFormat="1" ht="299.25" customHeight="1">
      <c r="A19" s="20" t="s">
        <v>95</v>
      </c>
      <c r="B19" s="41" t="s">
        <v>15</v>
      </c>
      <c r="C19" s="41" t="s">
        <v>57</v>
      </c>
      <c r="D19" s="41">
        <v>35</v>
      </c>
      <c r="E19" s="41">
        <v>7</v>
      </c>
      <c r="F19" s="41" t="s">
        <v>58</v>
      </c>
      <c r="G19" s="41">
        <v>2</v>
      </c>
      <c r="H19" s="41" t="s">
        <v>52</v>
      </c>
      <c r="I19" s="42" t="s">
        <v>78</v>
      </c>
    </row>
    <row r="20" spans="1:9" s="1" customFormat="1" ht="31">
      <c r="A20" s="20" t="s">
        <v>96</v>
      </c>
      <c r="B20" s="41" t="s">
        <v>16</v>
      </c>
      <c r="C20" s="41" t="s">
        <v>57</v>
      </c>
      <c r="D20" s="41">
        <v>35</v>
      </c>
      <c r="E20" s="41">
        <v>7</v>
      </c>
      <c r="F20" s="20" t="s">
        <v>59</v>
      </c>
      <c r="G20" s="41">
        <v>2</v>
      </c>
      <c r="H20" s="41" t="s">
        <v>52</v>
      </c>
      <c r="I20" s="43"/>
    </row>
    <row r="21" spans="1:9" s="1" customFormat="1" ht="31">
      <c r="A21" s="20" t="s">
        <v>96</v>
      </c>
      <c r="B21" s="41" t="s">
        <v>8</v>
      </c>
      <c r="C21" s="41" t="s">
        <v>57</v>
      </c>
      <c r="D21" s="41">
        <v>35</v>
      </c>
      <c r="E21" s="41">
        <v>9</v>
      </c>
      <c r="F21" s="41" t="s">
        <v>60</v>
      </c>
      <c r="G21" s="41">
        <v>2</v>
      </c>
      <c r="H21" s="41" t="s">
        <v>52</v>
      </c>
      <c r="I21" s="44"/>
    </row>
    <row r="22" spans="1:9" s="2" customFormat="1">
      <c r="A22" s="45" t="s">
        <v>97</v>
      </c>
      <c r="B22" s="46" t="s">
        <v>15</v>
      </c>
      <c r="C22" s="46" t="s">
        <v>52</v>
      </c>
      <c r="D22" s="46">
        <v>35</v>
      </c>
      <c r="E22" s="46">
        <v>7</v>
      </c>
      <c r="F22" s="46" t="s">
        <v>53</v>
      </c>
      <c r="G22" s="46" t="s">
        <v>35</v>
      </c>
      <c r="H22" s="46" t="s">
        <v>54</v>
      </c>
      <c r="I22" s="47"/>
    </row>
    <row r="23" spans="1:9" s="2" customFormat="1">
      <c r="A23" s="45" t="s">
        <v>97</v>
      </c>
      <c r="B23" s="46" t="s">
        <v>16</v>
      </c>
      <c r="C23" s="46" t="s">
        <v>52</v>
      </c>
      <c r="D23" s="46">
        <v>35</v>
      </c>
      <c r="E23" s="46">
        <v>7</v>
      </c>
      <c r="F23" s="46" t="s">
        <v>55</v>
      </c>
      <c r="G23" s="46" t="s">
        <v>35</v>
      </c>
      <c r="H23" s="46" t="s">
        <v>54</v>
      </c>
      <c r="I23" s="47"/>
    </row>
    <row r="24" spans="1:9" s="2" customFormat="1">
      <c r="A24" s="45" t="s">
        <v>97</v>
      </c>
      <c r="B24" s="46" t="s">
        <v>8</v>
      </c>
      <c r="C24" s="46" t="s">
        <v>52</v>
      </c>
      <c r="D24" s="46">
        <v>45</v>
      </c>
      <c r="E24" s="46">
        <v>10</v>
      </c>
      <c r="F24" s="46" t="s">
        <v>53</v>
      </c>
      <c r="G24" s="46" t="s">
        <v>56</v>
      </c>
      <c r="H24" s="46" t="s">
        <v>54</v>
      </c>
      <c r="I24" s="47"/>
    </row>
    <row r="25" spans="1:9" ht="46.5">
      <c r="A25" s="13" t="s">
        <v>98</v>
      </c>
      <c r="B25" s="14" t="s">
        <v>15</v>
      </c>
      <c r="C25" s="14" t="s">
        <v>63</v>
      </c>
      <c r="D25" s="14" t="s">
        <v>64</v>
      </c>
      <c r="E25" s="14" t="s">
        <v>65</v>
      </c>
      <c r="F25" s="14" t="s">
        <v>66</v>
      </c>
      <c r="G25" s="14" t="s">
        <v>23</v>
      </c>
      <c r="H25" s="14" t="s">
        <v>67</v>
      </c>
      <c r="I25" s="15"/>
    </row>
    <row r="26" spans="1:9">
      <c r="A26" s="13" t="s">
        <v>98</v>
      </c>
      <c r="B26" s="14" t="s">
        <v>16</v>
      </c>
      <c r="C26" s="14" t="s">
        <v>68</v>
      </c>
      <c r="D26" s="14" t="s">
        <v>69</v>
      </c>
      <c r="E26" s="14" t="s">
        <v>70</v>
      </c>
      <c r="F26" s="14" t="s">
        <v>71</v>
      </c>
      <c r="G26" s="14" t="s">
        <v>72</v>
      </c>
      <c r="H26" s="14" t="s">
        <v>73</v>
      </c>
      <c r="I26" s="15"/>
    </row>
    <row r="27" spans="1:9" ht="155">
      <c r="A27" s="13" t="s">
        <v>98</v>
      </c>
      <c r="B27" s="16" t="s">
        <v>8</v>
      </c>
      <c r="C27" s="16" t="s">
        <v>74</v>
      </c>
      <c r="D27" s="16" t="s">
        <v>69</v>
      </c>
      <c r="E27" s="14" t="s">
        <v>76</v>
      </c>
      <c r="F27" s="16" t="s">
        <v>75</v>
      </c>
      <c r="G27" s="16" t="s">
        <v>23</v>
      </c>
      <c r="H27" s="14" t="s">
        <v>77</v>
      </c>
      <c r="I27" s="15"/>
    </row>
    <row r="28" spans="1:9" s="2" customFormat="1" ht="124">
      <c r="A28" s="45" t="s">
        <v>99</v>
      </c>
      <c r="B28" s="38" t="s">
        <v>15</v>
      </c>
      <c r="C28" s="46" t="s">
        <v>79</v>
      </c>
      <c r="D28" s="40" t="s">
        <v>80</v>
      </c>
      <c r="E28" s="38" t="s">
        <v>81</v>
      </c>
      <c r="F28" s="46" t="s">
        <v>82</v>
      </c>
      <c r="G28" s="46" t="s">
        <v>83</v>
      </c>
      <c r="H28" s="46" t="s">
        <v>84</v>
      </c>
      <c r="I28" s="48" t="s">
        <v>85</v>
      </c>
    </row>
    <row r="29" spans="1:9" s="1" customFormat="1" ht="31.5" thickBot="1">
      <c r="A29" s="34" t="s">
        <v>100</v>
      </c>
      <c r="B29" s="49"/>
      <c r="C29" s="49" t="s">
        <v>86</v>
      </c>
      <c r="D29" s="49"/>
      <c r="E29" s="50"/>
      <c r="F29" s="49"/>
      <c r="G29" s="49"/>
      <c r="H29" s="50"/>
      <c r="I29" s="51"/>
    </row>
  </sheetData>
  <mergeCells count="1">
    <mergeCell ref="I19:I21"/>
  </mergeCells>
  <pageMargins left="0.7" right="0.7" top="0.75" bottom="0.75" header="0.3" footer="0.3"/>
  <pageSetup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21909BEF-2BE2-4C36-96F6-39B0207A7126}">
  <ds:schemaRefs/>
</ds:datastoreItem>
</file>

<file path=customXml/itemProps2.xml><?xml version="1.0" encoding="utf-8"?>
<ds:datastoreItem xmlns:ds="http://schemas.openxmlformats.org/officeDocument/2006/customXml" ds:itemID="{648B8A92-C4E1-477C-A956-30A49CB7C247}">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1</vt:i4>
      </vt:variant>
    </vt:vector>
  </HeadingPairs>
  <TitlesOfParts>
    <vt:vector size="1" baseType="lpstr">
      <vt:lpstr>Sheet1</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Gibbs, Kristin N.</dc:creator>
  <cp:lastModifiedBy>chobbes</cp:lastModifiedBy>
  <dcterms:created xsi:type="dcterms:W3CDTF">2023-06-14T17:32:46Z</dcterms:created>
  <dcterms:modified xsi:type="dcterms:W3CDTF">2023-12-13T15:38:1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14447168261741</vt:lpwstr>
  </property>
  <property fmtid="{D5CDD505-2E9C-101B-9397-08002B2CF9AE}" pid="4" name="TemplafyUserProfileId">
    <vt:lpwstr>637943534071662105</vt:lpwstr>
  </property>
  <property fmtid="{D5CDD505-2E9C-101B-9397-08002B2CF9AE}" pid="5" name="TemplafyFromBlank">
    <vt:bool>true</vt:bool>
  </property>
</Properties>
</file>